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95" d="100"/>
          <a:sy n="95" d="100"/>
        </p:scale>
        <p:origin x="1212" y="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7-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7-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voors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ogo, Graphics, Lettertype&#10;&#10;Automatisch gegenereerde beschrijving">
            <a:extLst>
              <a:ext uri="{FF2B5EF4-FFF2-40B4-BE49-F238E27FC236}">
                <a16:creationId xmlns:a16="http://schemas.microsoft.com/office/drawing/2014/main" id="{1BEF21C2-D25E-9FD7-0208-A7D044B68F3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7902" y="4543159"/>
            <a:ext cx="2103900" cy="2108108"/>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ogo, Graphics, Lettertype&#10;&#10;Automatisch gegenereerde beschrijving">
            <a:extLst>
              <a:ext uri="{FF2B5EF4-FFF2-40B4-BE49-F238E27FC236}">
                <a16:creationId xmlns:a16="http://schemas.microsoft.com/office/drawing/2014/main" id="{B5F78AB5-2AA6-74D9-5256-467BACE3552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6539" y="3841729"/>
            <a:ext cx="1541455" cy="154453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07T13:12:52Z</dcterms:modified>
</cp:coreProperties>
</file>